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61" r:id="rId2"/>
    <p:sldId id="262" r:id="rId3"/>
    <p:sldId id="258" r:id="rId4"/>
    <p:sldId id="265" r:id="rId5"/>
    <p:sldId id="266" r:id="rId6"/>
    <p:sldId id="270" r:id="rId7"/>
    <p:sldId id="267" r:id="rId8"/>
    <p:sldId id="271" r:id="rId9"/>
    <p:sldId id="272" r:id="rId10"/>
    <p:sldId id="273" r:id="rId11"/>
    <p:sldId id="268" r:id="rId12"/>
    <p:sldId id="269" r:id="rId13"/>
  </p:sldIdLst>
  <p:sldSz cx="12188825" cy="6858000"/>
  <p:notesSz cx="6797675" cy="9926638"/>
  <p:embeddedFontLst>
    <p:embeddedFont>
      <p:font typeface="AU Passata" panose="020B0503030502030804" pitchFamily="34" charset="0"/>
      <p:regular r:id="rId16"/>
      <p:bold r:id="rId17"/>
    </p:embeddedFont>
    <p:embeddedFont>
      <p:font typeface="AU Passata Light" panose="020B0303030902030804" pitchFamily="34" charset="0"/>
      <p:regular r:id="rId18"/>
      <p:bold r:id="rId19"/>
    </p:embeddedFont>
    <p:embeddedFont>
      <p:font typeface="AU Peto" panose="040C0B07020602020301" pitchFamily="82" charset="0"/>
      <p:regular r:id="rId20"/>
      <p:bold r:id="rId21"/>
    </p:embeddedFont>
    <p:embeddedFont>
      <p:font typeface="Calibri" panose="020F0502020204030204" pitchFamily="34" charset="0"/>
      <p:regular r:id="rId22"/>
      <p:bold r:id="rId23"/>
      <p:italic r:id="rId24"/>
      <p:boldItalic r:id="rId25"/>
    </p:embeddedFont>
    <p:embeddedFont>
      <p:font typeface="Georgia" panose="02040502050405020303" pitchFamily="18" charset="0"/>
      <p:regular r:id="rId26"/>
      <p:bold r:id="rId27"/>
      <p:italic r:id="rId28"/>
      <p:boldItalic r:id="rId29"/>
    </p:embeddedFont>
    <p:embeddedFont>
      <p:font typeface="Wingdings 3" panose="05040102010807070707" pitchFamily="18" charset="2"/>
      <p:regular r:id="rId3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6" autoAdjust="0"/>
    <p:restoredTop sz="93457" autoAdjust="0"/>
  </p:normalViewPr>
  <p:slideViewPr>
    <p:cSldViewPr snapToObjects="1" showGuides="1">
      <p:cViewPr varScale="1">
        <p:scale>
          <a:sx n="110" d="100"/>
          <a:sy n="110" d="100"/>
        </p:scale>
        <p:origin x="162" y="15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font" Target="fonts/font11.fntdata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font" Target="fonts/font14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font" Target="fonts/font12.fntdata"/><Relationship Id="rId30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 Septem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e-Talent Track Intro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190134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 Septem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e-Talent Track Intro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3420919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 Septem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e-Talent Track Intro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091057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 dirty="0"/>
              <a:t>16/09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00348773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e-Talent Track Intro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ans-Jörg Schul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0 Septem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8/09/2021</a:t>
            </a:fld>
            <a:r>
              <a:rPr lang="en-GB"/>
              <a:t>16/09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mailto:hjschulz@cs.au.dk" TargetMode="External"/><Relationship Id="rId2" Type="http://schemas.openxmlformats.org/officeDocument/2006/relationships/hyperlink" Target="http://cs.au.dk/talent" TargetMode="Externa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mailto:ira@cs.au.dk" TargetMode="External"/><Relationship Id="rId2" Type="http://schemas.openxmlformats.org/officeDocument/2006/relationships/hyperlink" Target="mailto:dfaranha@cs.au.dk" TargetMode="External"/><Relationship Id="rId1" Type="http://schemas.openxmlformats.org/officeDocument/2006/relationships/slideLayout" Target="../slideLayouts/slideLayout5.xml"/><Relationship Id="rId5" Type="http://schemas.openxmlformats.org/officeDocument/2006/relationships/hyperlink" Target="mailto:magnusm@cs.au.dk" TargetMode="External"/><Relationship Id="rId4" Type="http://schemas.openxmlformats.org/officeDocument/2006/relationships/hyperlink" Target="https://pure.au.dk/portal/en/persons/ira-assent(012c1c28-bfa9-4107-bd8f-97dae008b06d).html" TargetMode="Externa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kern="1200" dirty="0"/>
              <a:t>Pre-Talent Track</a:t>
            </a:r>
            <a:br>
              <a:rPr lang="en-GB" kern="1200" dirty="0"/>
            </a:br>
            <a:r>
              <a:rPr lang="en-GB" kern="1200" dirty="0"/>
              <a:t>Fall 2021</a:t>
            </a:r>
            <a:endParaRPr lang="en-GB" sz="2800" b="0" kern="120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Hans-Jörg Schul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889818-730D-4526-8A0A-CFE92F4A55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4ACD0D5-F517-4DFC-9449-2B315671013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2B9985A-541F-4E22-95DE-89339F99F3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6BD023-5049-4087-9E49-9B37633567C3}" type="datetime1">
              <a:rPr lang="en-GB" smtClean="0"/>
              <a:t>18/09/2021</a:t>
            </a:fld>
            <a:r>
              <a:rPr lang="en-GB"/>
              <a:t>16/09/2019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DF76B67-0980-4195-9974-AFEE95F84D89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887" r="5887"/>
          <a:stretch/>
        </p:blipFill>
        <p:spPr>
          <a:xfrm>
            <a:off x="0" y="0"/>
            <a:ext cx="12188825" cy="6858000"/>
          </a:xfrm>
          <a:prstGeom prst="rect">
            <a:avLst/>
          </a:prstGeom>
        </p:spPr>
      </p:pic>
      <p:sp>
        <p:nvSpPr>
          <p:cNvPr id="6" name="Arrow: Down 5">
            <a:extLst>
              <a:ext uri="{FF2B5EF4-FFF2-40B4-BE49-F238E27FC236}">
                <a16:creationId xmlns:a16="http://schemas.microsoft.com/office/drawing/2014/main" id="{6C219FE6-6BBC-4DB3-8564-67C22851A141}"/>
              </a:ext>
            </a:extLst>
          </p:cNvPr>
          <p:cNvSpPr/>
          <p:nvPr/>
        </p:nvSpPr>
        <p:spPr bwMode="auto">
          <a:xfrm rot="1913418">
            <a:off x="5769877" y="979900"/>
            <a:ext cx="648072" cy="1512168"/>
          </a:xfrm>
          <a:prstGeom prst="downArrow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783731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LENT TRACK / </a:t>
            </a:r>
            <a:r>
              <a:rPr lang="en-GB" dirty="0" err="1"/>
              <a:t>Talentforløb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804" y="1373021"/>
            <a:ext cx="11017224" cy="4521366"/>
          </a:xfrm>
        </p:spPr>
        <p:txBody>
          <a:bodyPr/>
          <a:lstStyle/>
          <a:p>
            <a:pPr>
              <a:buNone/>
            </a:pPr>
            <a:r>
              <a:rPr lang="en-US" sz="2400" b="1" dirty="0"/>
              <a:t>Purpos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Extra academic challenges for particularly talented undergraduate studen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Recognition for this on diplomas (BSc with Distinction)</a:t>
            </a:r>
          </a:p>
          <a:p>
            <a:pPr>
              <a:buNone/>
            </a:pPr>
            <a:endParaRPr lang="en-US" sz="800" b="1" dirty="0"/>
          </a:p>
          <a:p>
            <a:pPr>
              <a:buNone/>
            </a:pPr>
            <a:r>
              <a:rPr lang="en-US" sz="2400" b="1" dirty="0"/>
              <a:t>Proces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pplied for at the beginning of the 2nd year of stud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Requires grade point average of ≥10 from 1st year of study</a:t>
            </a:r>
          </a:p>
          <a:p>
            <a:pPr>
              <a:buNone/>
            </a:pPr>
            <a:endParaRPr lang="en-US" sz="800" b="1" dirty="0"/>
          </a:p>
          <a:p>
            <a:pPr>
              <a:buNone/>
            </a:pPr>
            <a:r>
              <a:rPr lang="en-US" sz="2400" b="1" dirty="0"/>
              <a:t>Cont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≥5 ECTS extracurricular activities per semester (project in research grou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In addition to standardized study progra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warding a diploma requires a total of 30 ECTS extracurricular activities</a:t>
            </a:r>
            <a:endParaRPr lang="en-GB" sz="22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805762-4F84-48C4-81F2-58D066178B7D}" type="datetime1">
              <a:rPr lang="en-GB" smtClean="0"/>
              <a:t>18/09/2021</a:t>
            </a:fld>
            <a:r>
              <a:rPr lang="en-GB"/>
              <a:t>16/09/2019</a:t>
            </a:r>
            <a:endParaRPr lang="en-GB" dirty="0"/>
          </a:p>
        </p:txBody>
      </p:sp>
      <p:pic>
        <p:nvPicPr>
          <p:cNvPr id="5" name="Picture 2" descr="http://www.startyourbusinessmag.com/wp-content/uploads/2016/02/Talent-Management-Business-Master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838828" y="116632"/>
            <a:ext cx="2232248" cy="1324467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143086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LENT TRACK / </a:t>
            </a:r>
            <a:r>
              <a:rPr lang="en-GB" dirty="0" err="1"/>
              <a:t>Talentforløb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804" y="1373021"/>
            <a:ext cx="10009112" cy="4521366"/>
          </a:xfrm>
        </p:spPr>
        <p:txBody>
          <a:bodyPr/>
          <a:lstStyle/>
          <a:p>
            <a:pPr>
              <a:buNone/>
            </a:pPr>
            <a:r>
              <a:rPr lang="en-US" sz="2400" b="1" dirty="0"/>
              <a:t>NOW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You can take extracurricular activities already in the 1st year of stud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They are credited in case of later admission to the talent progra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In the fall of 2021 / spring of 2022, Pre-Talent Track is offered with</a:t>
            </a:r>
            <a:br>
              <a:rPr lang="en-US" sz="2400" dirty="0"/>
            </a:br>
            <a:r>
              <a:rPr lang="en-US" sz="2400" dirty="0"/>
              <a:t>5 ECTS per semest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The most important thing is to pass the standardized study program with good grades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>
              <a:buNone/>
            </a:pPr>
            <a:r>
              <a:rPr lang="en-GB" sz="2400" b="1" dirty="0"/>
              <a:t>Information</a:t>
            </a:r>
          </a:p>
          <a:p>
            <a:pPr marL="252000" lvl="1" indent="0">
              <a:buNone/>
            </a:pPr>
            <a:r>
              <a:rPr lang="en-GB" sz="2200" b="1" dirty="0">
                <a:latin typeface="Courier New" panose="02070309020205020404" pitchFamily="49" charset="0"/>
                <a:cs typeface="Courier New" panose="02070309020205020404" pitchFamily="49" charset="0"/>
                <a:hlinkClick r:id="rId2"/>
              </a:rPr>
              <a:t> http://cs.au.dk/talent</a:t>
            </a:r>
            <a:r>
              <a:rPr lang="en-GB" sz="2200" b="1" dirty="0">
                <a:latin typeface="Courier New" panose="02070309020205020404" pitchFamily="49" charset="0"/>
                <a:cs typeface="Courier New" panose="02070309020205020404" pitchFamily="49" charset="0"/>
              </a:rPr>
              <a:t> or </a:t>
            </a:r>
            <a:r>
              <a:rPr lang="en-GB" sz="2200" b="1" dirty="0">
                <a:latin typeface="Courier New" panose="02070309020205020404" pitchFamily="49" charset="0"/>
                <a:cs typeface="Courier New" panose="02070309020205020404" pitchFamily="49" charset="0"/>
                <a:hlinkClick r:id="rId3"/>
              </a:rPr>
              <a:t>hjschulz@cs.au.dk</a:t>
            </a:r>
            <a:r>
              <a:rPr lang="en-GB" sz="2200" b="1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805762-4F84-48C4-81F2-58D066178B7D}" type="datetime1">
              <a:rPr lang="en-GB" smtClean="0"/>
              <a:t>18/09/2021</a:t>
            </a:fld>
            <a:r>
              <a:rPr lang="en-GB"/>
              <a:t>16/09/2019</a:t>
            </a:r>
            <a:endParaRPr lang="en-GB" dirty="0"/>
          </a:p>
        </p:txBody>
      </p:sp>
      <p:pic>
        <p:nvPicPr>
          <p:cNvPr id="5" name="Picture 2" descr="http://www.startyourbusinessmag.com/wp-content/uploads/2016/02/Talent-Management-Business-Master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838828" y="116632"/>
            <a:ext cx="2232248" cy="1324467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 bwMode="auto">
          <a:xfrm>
            <a:off x="868100" y="5304959"/>
            <a:ext cx="144016" cy="36004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0403226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the pre-talent track? 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/>
              <a:t>Any and all of the below – depending on how you want to use it:</a:t>
            </a:r>
          </a:p>
          <a:p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way to “pre-earn” ECTS points for the Talent Track starting in year 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means to dive into some pretty cool CS / IT topics for which there’s otherwise no room in the bachelor curriculum</a:t>
            </a:r>
          </a:p>
          <a:p>
            <a:pPr marL="774900" lvl="1" indent="-342900">
              <a:buFont typeface="AU Passata" panose="020B0503030502030804" pitchFamily="34" charset="0"/>
              <a:buChar char="»"/>
            </a:pPr>
            <a:r>
              <a:rPr lang="en-US" sz="2400" dirty="0"/>
              <a:t>How to use security flaws to hack into a computer system?</a:t>
            </a:r>
          </a:p>
          <a:p>
            <a:pPr marL="774900" lvl="1" indent="-342900">
              <a:buFont typeface="AU Passata" panose="020B0503030502030804" pitchFamily="34" charset="0"/>
              <a:buChar char="»"/>
            </a:pPr>
            <a:r>
              <a:rPr lang="en-US" sz="2400" dirty="0"/>
              <a:t>How to analyze and visualize large datasets?</a:t>
            </a:r>
          </a:p>
          <a:p>
            <a:pPr marL="774900" lvl="1" indent="-342900">
              <a:buFont typeface="AU Passata" panose="020B0503030502030804" pitchFamily="34" charset="0"/>
              <a:buChar char="»"/>
            </a:pPr>
            <a:r>
              <a:rPr lang="en-US" sz="2400" dirty="0"/>
              <a:t>How to program by specifying what you want and letting the computer figure out how to do it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ven Wilder stuff in the spring – e.g.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0231" y="2060848"/>
            <a:ext cx="4857947" cy="2573746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1485900" y="4887046"/>
            <a:ext cx="424227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Davenport-</a:t>
            </a:r>
            <a:r>
              <a:rPr lang="en-US" sz="1600" dirty="0" err="1">
                <a:latin typeface="+mn-lt"/>
              </a:rPr>
              <a:t>Schinzel</a:t>
            </a:r>
            <a:r>
              <a:rPr lang="en-US" sz="1600" dirty="0">
                <a:latin typeface="+mn-lt"/>
              </a:rPr>
              <a:t> Sequences and their applications to cannon shooting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1125860" y="4509120"/>
            <a:ext cx="4752528" cy="2369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err="1">
                <a:latin typeface="Courier New" panose="02070309020205020404" pitchFamily="49" charset="0"/>
                <a:cs typeface="Courier New" panose="02070309020205020404" pitchFamily="49" charset="0"/>
              </a:rPr>
              <a:t>acadbadcbadbcdacdbcbadadabcabdbcdbac</a:t>
            </a:r>
            <a:r>
              <a:rPr lang="en-US" sz="1600" b="1" dirty="0">
                <a:latin typeface="Courier New" panose="02070309020205020404" pitchFamily="49" charset="0"/>
                <a:cs typeface="Courier New" panose="02070309020205020404" pitchFamily="49" charset="0"/>
              </a:rPr>
              <a:t>…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6436461" y="4887046"/>
            <a:ext cx="496855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Programming with sensors in mobile devices and using them for generating shared secrets for file exchange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2C763C5-0F25-426B-B521-7B7C17C486E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89604" y="1433049"/>
            <a:ext cx="5782309" cy="331305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the pre-talent track? 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837828" y="1373021"/>
            <a:ext cx="10886075" cy="4521366"/>
          </a:xfrm>
        </p:spPr>
        <p:txBody>
          <a:bodyPr/>
          <a:lstStyle/>
          <a:p>
            <a:r>
              <a:rPr lang="en-US" sz="2400" dirty="0"/>
              <a:t>Any and all of the below – depending on how you want to use it:</a:t>
            </a:r>
          </a:p>
          <a:p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way to “pre-earn” ECTS points for the Talent Track starting in year 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means to dive into some pretty cool CS / IT topics for which there’s otherwise no room in the bachelor curriculu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n introduction to different technologies (</a:t>
            </a:r>
            <a:r>
              <a:rPr lang="en-US" sz="2400" dirty="0" err="1"/>
              <a:t>Webstrates</a:t>
            </a:r>
            <a:r>
              <a:rPr lang="en-US" sz="2400" dirty="0"/>
              <a:t>, D3.js, VEGA, </a:t>
            </a:r>
            <a:r>
              <a:rPr lang="en-US" sz="2400" dirty="0" err="1"/>
              <a:t>Datalog</a:t>
            </a:r>
            <a:r>
              <a:rPr lang="en-US" sz="2400" dirty="0"/>
              <a:t>,…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n overview of the research groups and topics at our departm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new set of puzzles / mini challenges to solve each week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possibility to meet like-minded CS / IT student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562683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HEDULE FOR THIS SEMEST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94629" y="1340769"/>
            <a:ext cx="10944399" cy="4553618"/>
          </a:xfrm>
        </p:spPr>
        <p:txBody>
          <a:bodyPr/>
          <a:lstStyle/>
          <a:p>
            <a:pPr>
              <a:buNone/>
            </a:pPr>
            <a:r>
              <a:rPr lang="en-US" b="1" dirty="0"/>
              <a:t>Hacking - Security in Practice, Pt.1-2 with Diego F. </a:t>
            </a:r>
            <a:r>
              <a:rPr lang="en-US" b="1" dirty="0" err="1"/>
              <a:t>Aranha</a:t>
            </a:r>
            <a:r>
              <a:rPr lang="en-US" b="1" dirty="0"/>
              <a:t> (</a:t>
            </a:r>
            <a:r>
              <a:rPr lang="en-US" b="1" u="sng" dirty="0">
                <a:hlinkClick r:id="rId2"/>
              </a:rPr>
              <a:t>dfaranha@cs.au.dk</a:t>
            </a:r>
            <a:r>
              <a:rPr lang="en-US" b="1" dirty="0"/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39 - Thursday 30-SEP-2020, kl.10-1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41 - Thursday 14-OCT-2020, kl.10-1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800" dirty="0"/>
          </a:p>
          <a:p>
            <a:pPr>
              <a:buNone/>
            </a:pPr>
            <a:r>
              <a:rPr lang="en-US" b="1" dirty="0"/>
              <a:t>Data Mining and Visualization, Pt.1-2 with Ira Assent (</a:t>
            </a:r>
            <a:r>
              <a:rPr lang="en-US" b="1" u="sng" dirty="0">
                <a:hlinkClick r:id="rId3"/>
              </a:rPr>
              <a:t>ira@cs.au.dk</a:t>
            </a:r>
            <a:r>
              <a:rPr lang="en-US" b="1" dirty="0"/>
              <a:t>) and me </a:t>
            </a:r>
            <a:r>
              <a:rPr lang="en-US" b="1" u="sng" dirty="0">
                <a:hlinkClick r:id="rId4"/>
              </a:rPr>
              <a:t>(hjschulz@cs.au.dk)</a:t>
            </a:r>
            <a:endParaRPr lang="en-US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43 - Thursday 28-OCT-2020, kl.10-1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45 - Thursday 11-NOV-2020, kl.10-1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800" dirty="0"/>
          </a:p>
          <a:p>
            <a:pPr>
              <a:buNone/>
            </a:pPr>
            <a:r>
              <a:rPr lang="en-US" b="1" dirty="0"/>
              <a:t>Logic Programming, Pt.1-2 with Magnus Madsen (</a:t>
            </a:r>
            <a:r>
              <a:rPr lang="en-US" b="1" u="sng" dirty="0">
                <a:hlinkClick r:id="rId5"/>
              </a:rPr>
              <a:t>magnusm@cs.au.dk</a:t>
            </a:r>
            <a:r>
              <a:rPr lang="en-US" b="1" dirty="0"/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47 - Thursday 25-NOV-2020, kl.10-1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49 - Thursday 09-DEC-2020, kl.10-12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b="1" dirty="0"/>
              <a:t>To be held at auditorium 110 at </a:t>
            </a:r>
            <a:r>
              <a:rPr lang="en-US" b="1" dirty="0" err="1"/>
              <a:t>Finlandsgade</a:t>
            </a:r>
            <a:r>
              <a:rPr lang="en-US" b="1" dirty="0"/>
              <a:t> 6 (Building 5106)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7194DF-0BE5-4017-8FFC-39D1CEB248A8}" type="datetime1">
              <a:rPr lang="en-GB" smtClean="0"/>
              <a:t>18/09/2021</a:t>
            </a:fld>
            <a:r>
              <a:rPr lang="en-GB"/>
              <a:t>16/09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5441699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009AC79-74EC-4B14-843C-FAA1DB1B6F0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A900661-24E6-46DE-AB67-E63D548096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3EAA6E-E400-4BFE-B764-21E2A7D467ED}" type="datetime1">
              <a:rPr lang="en-GB" smtClean="0"/>
              <a:t>18/09/2021</a:t>
            </a:fld>
            <a:r>
              <a:rPr lang="en-GB"/>
              <a:t>16/09/2019</a:t>
            </a:r>
            <a:endParaRPr lang="en-GB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8E32A0D-1EC7-42A4-BF36-3459585B5224}"/>
              </a:ext>
            </a:extLst>
          </p:cNvPr>
          <p:cNvSpPr/>
          <p:nvPr/>
        </p:nvSpPr>
        <p:spPr bwMode="auto">
          <a:xfrm>
            <a:off x="189756" y="5894387"/>
            <a:ext cx="11737304" cy="846981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F7EFA61-89B1-478C-9EF3-A25320EA68C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5180" y="0"/>
            <a:ext cx="10718464" cy="6858000"/>
          </a:xfrm>
          <a:prstGeom prst="rect">
            <a:avLst/>
          </a:prstGeom>
        </p:spPr>
      </p:pic>
      <p:sp>
        <p:nvSpPr>
          <p:cNvPr id="8" name="Arrow: Right 7">
            <a:extLst>
              <a:ext uri="{FF2B5EF4-FFF2-40B4-BE49-F238E27FC236}">
                <a16:creationId xmlns:a16="http://schemas.microsoft.com/office/drawing/2014/main" id="{BF0810D0-9C64-4FCE-8484-93382DCA1358}"/>
              </a:ext>
            </a:extLst>
          </p:cNvPr>
          <p:cNvSpPr/>
          <p:nvPr/>
        </p:nvSpPr>
        <p:spPr bwMode="auto">
          <a:xfrm rot="20134989">
            <a:off x="-22274" y="861197"/>
            <a:ext cx="2016224" cy="720080"/>
          </a:xfrm>
          <a:prstGeom prst="rightArrow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42CB7A90-F4EC-4FDF-A882-7D6BEF3F22F8}"/>
              </a:ext>
            </a:extLst>
          </p:cNvPr>
          <p:cNvSpPr/>
          <p:nvPr/>
        </p:nvSpPr>
        <p:spPr bwMode="auto">
          <a:xfrm rot="15742162">
            <a:off x="1290559" y="4545669"/>
            <a:ext cx="2016224" cy="720080"/>
          </a:xfrm>
          <a:prstGeom prst="rightArrow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Arrow: Right 9">
            <a:extLst>
              <a:ext uri="{FF2B5EF4-FFF2-40B4-BE49-F238E27FC236}">
                <a16:creationId xmlns:a16="http://schemas.microsoft.com/office/drawing/2014/main" id="{D7A5F067-A08A-49A1-AE0D-850D11402AE3}"/>
              </a:ext>
            </a:extLst>
          </p:cNvPr>
          <p:cNvSpPr/>
          <p:nvPr/>
        </p:nvSpPr>
        <p:spPr bwMode="auto">
          <a:xfrm rot="9238702">
            <a:off x="4926036" y="5057176"/>
            <a:ext cx="2016224" cy="720080"/>
          </a:xfrm>
          <a:prstGeom prst="rightArrow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3864EDAD-9B0A-446C-AACA-C77C1DD0DE22}"/>
              </a:ext>
            </a:extLst>
          </p:cNvPr>
          <p:cNvCxnSpPr/>
          <p:nvPr/>
        </p:nvCxnSpPr>
        <p:spPr bwMode="auto">
          <a:xfrm>
            <a:off x="1527341" y="1262762"/>
            <a:ext cx="3240360" cy="1020483"/>
          </a:xfrm>
          <a:prstGeom prst="line">
            <a:avLst/>
          </a:prstGeom>
          <a:solidFill>
            <a:schemeClr val="accent2"/>
          </a:solidFill>
          <a:ln w="571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93BAC5C5-AFCC-46D3-B8CD-7E12E1923D0A}"/>
              </a:ext>
            </a:extLst>
          </p:cNvPr>
          <p:cNvCxnSpPr>
            <a:cxnSpLocks/>
          </p:cNvCxnSpPr>
          <p:nvPr/>
        </p:nvCxnSpPr>
        <p:spPr bwMode="auto">
          <a:xfrm flipV="1">
            <a:off x="3862164" y="2283245"/>
            <a:ext cx="905537" cy="3856365"/>
          </a:xfrm>
          <a:prstGeom prst="line">
            <a:avLst/>
          </a:prstGeom>
          <a:solidFill>
            <a:schemeClr val="accent2"/>
          </a:solidFill>
          <a:ln w="571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24325376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10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IGN-UP REQUIRED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94629" y="1373021"/>
            <a:ext cx="10728375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You can follow the full program, or only selected lectures of interest to you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You can hand-in the practical exercises or choose not to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You can discontinue the pre-talent track at any point if your time does no longer permit for it or your course work becomes more demanding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If you want the ECTS points for later, you have to follow through, though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/>
          </a:p>
          <a:p>
            <a:pPr>
              <a:buNone/>
            </a:pPr>
            <a:r>
              <a:rPr lang="en-US" sz="2400" b="1" dirty="0"/>
              <a:t>     To participate, self-enroll on Brightspace!</a:t>
            </a:r>
          </a:p>
          <a:p>
            <a:pPr>
              <a:buNone/>
            </a:pPr>
            <a:endParaRPr lang="en-US" sz="800" b="1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7194DF-0BE5-4017-8FFC-39D1CEB248A8}" type="datetime1">
              <a:rPr lang="en-GB" smtClean="0"/>
              <a:t>18/09/2021</a:t>
            </a:fld>
            <a:r>
              <a:rPr lang="en-GB"/>
              <a:t>16/09/2019</a:t>
            </a:r>
            <a:endParaRPr lang="en-GB" dirty="0"/>
          </a:p>
        </p:txBody>
      </p:sp>
      <p:sp>
        <p:nvSpPr>
          <p:cNvPr id="6" name="Rectangle 5"/>
          <p:cNvSpPr/>
          <p:nvPr/>
        </p:nvSpPr>
        <p:spPr bwMode="auto">
          <a:xfrm>
            <a:off x="315913" y="4653136"/>
            <a:ext cx="1458019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3988255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50A610-4E1A-4927-BA78-B97FD7EAC0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F743390-C0B0-4D98-B88B-09A8B3750BF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A54D3C-5F95-4DE1-9CEA-13BEDEC30F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65FECE-8DE0-4A07-BEAA-D8A54B6DF739}" type="datetime1">
              <a:rPr lang="en-GB" smtClean="0"/>
              <a:t>18/09/2021</a:t>
            </a:fld>
            <a:r>
              <a:rPr lang="en-GB"/>
              <a:t>16/09/2019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BF7ECD9-2974-4041-9464-7B75ACC02512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887" r="5887"/>
          <a:stretch/>
        </p:blipFill>
        <p:spPr>
          <a:xfrm>
            <a:off x="0" y="0"/>
            <a:ext cx="12188825" cy="6858000"/>
          </a:xfrm>
          <a:prstGeom prst="rect">
            <a:avLst/>
          </a:prstGeom>
        </p:spPr>
      </p:pic>
      <p:sp>
        <p:nvSpPr>
          <p:cNvPr id="7" name="Arrow: Right 6">
            <a:extLst>
              <a:ext uri="{FF2B5EF4-FFF2-40B4-BE49-F238E27FC236}">
                <a16:creationId xmlns:a16="http://schemas.microsoft.com/office/drawing/2014/main" id="{F0425C32-A2AC-4055-A766-BC9B25CD26C3}"/>
              </a:ext>
            </a:extLst>
          </p:cNvPr>
          <p:cNvSpPr/>
          <p:nvPr/>
        </p:nvSpPr>
        <p:spPr bwMode="auto">
          <a:xfrm rot="12455647">
            <a:off x="4125420" y="1124744"/>
            <a:ext cx="2232248" cy="752101"/>
          </a:xfrm>
          <a:prstGeom prst="rightArrow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253887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C99CC6-1E8D-4219-90C7-295F5F0101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E4BF7EB-861D-40E8-A933-6C55D1F1E3C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C1D695-5AD6-48E4-A098-4F18F4F252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16E39-0B10-4068-A7CF-0612153C4F4E}" type="datetime1">
              <a:rPr lang="en-GB" smtClean="0"/>
              <a:t>18/09/2021</a:t>
            </a:fld>
            <a:r>
              <a:rPr lang="en-GB"/>
              <a:t>16/09/2019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F783D74-2E78-4156-87A8-A90125C09EB3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770" r="3770"/>
          <a:stretch/>
        </p:blipFill>
        <p:spPr>
          <a:xfrm>
            <a:off x="0" y="0"/>
            <a:ext cx="12188825" cy="685800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313556F9-FEF1-471F-AFB4-742C752F4248}"/>
              </a:ext>
            </a:extLst>
          </p:cNvPr>
          <p:cNvSpPr/>
          <p:nvPr/>
        </p:nvSpPr>
        <p:spPr bwMode="auto">
          <a:xfrm>
            <a:off x="3358108" y="1052736"/>
            <a:ext cx="5544616" cy="648072"/>
          </a:xfrm>
          <a:prstGeom prst="rect">
            <a:avLst/>
          </a:prstGeom>
          <a:noFill/>
          <a:ln w="762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571277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45</Words>
  <Application>Microsoft Office PowerPoint</Application>
  <PresentationFormat>Custom</PresentationFormat>
  <Paragraphs>75</Paragraphs>
  <Slides>1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1" baseType="lpstr">
      <vt:lpstr>AU Peto</vt:lpstr>
      <vt:lpstr>Calibri</vt:lpstr>
      <vt:lpstr>Arial</vt:lpstr>
      <vt:lpstr>AU Passata Light</vt:lpstr>
      <vt:lpstr>Georgia</vt:lpstr>
      <vt:lpstr>AU Passata</vt:lpstr>
      <vt:lpstr>Courier New</vt:lpstr>
      <vt:lpstr>Wingdings 3</vt:lpstr>
      <vt:lpstr>AU 16:9</vt:lpstr>
      <vt:lpstr>Pre-Talent Track Fall 2021</vt:lpstr>
      <vt:lpstr>What is the pre-talent track? </vt:lpstr>
      <vt:lpstr>Even Wilder stuff in the spring – e.g.</vt:lpstr>
      <vt:lpstr>What is the pre-talent track? </vt:lpstr>
      <vt:lpstr>SCHEDULE FOR THIS SEMESTER</vt:lpstr>
      <vt:lpstr>PowerPoint Presentation</vt:lpstr>
      <vt:lpstr>SIGN-UP REQUIRED!</vt:lpstr>
      <vt:lpstr>PowerPoint Presentation</vt:lpstr>
      <vt:lpstr>PowerPoint Presentation</vt:lpstr>
      <vt:lpstr>PowerPoint Presentation</vt:lpstr>
      <vt:lpstr>TALENT TRACK / Talentforløb</vt:lpstr>
      <vt:lpstr>TALENT TRACK / Talentforløb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9-18T19:18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12777422472502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50</vt:lpwstr>
  </property>
  <property fmtid="{D5CDD505-2E9C-101B-9397-08002B2CF9AE}" pid="62" name="colorthemechange">
    <vt:lpwstr>True</vt:lpwstr>
  </property>
</Properties>
</file>